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s20257\Desktop\R2.6\"/>
    </mc:Choice>
  </mc:AlternateContent>
  <bookViews>
    <workbookView xWindow="-105" yWindow="-105" windowWidth="23250" windowHeight="12570"/>
  </bookViews>
  <sheets>
    <sheet name="行政区別世帯・人口統計表" sheetId="2" r:id="rId1"/>
  </sheets>
  <definedNames>
    <definedName name="_xlnm.Print_Titles" localSheetId="0">行政区別世帯・人口統計表!$1:$6</definedName>
  </definedNames>
  <calcPr calcId="191029"/>
</workbook>
</file>

<file path=xl/sharedStrings.xml><?xml version="1.0" encoding="utf-8"?>
<sst xmlns="http://schemas.openxmlformats.org/spreadsheetml/2006/main" count="61" uniqueCount="54">
  <si>
    <t>越来</t>
  </si>
  <si>
    <t>城前</t>
  </si>
  <si>
    <t>照屋</t>
  </si>
  <si>
    <t>安慶田</t>
  </si>
  <si>
    <t>室川</t>
  </si>
  <si>
    <t>住吉</t>
  </si>
  <si>
    <t>嘉間良</t>
  </si>
  <si>
    <t>八重島</t>
  </si>
  <si>
    <t>センター</t>
  </si>
  <si>
    <t>胡屋</t>
  </si>
  <si>
    <t>中の町</t>
  </si>
  <si>
    <t>園田</t>
  </si>
  <si>
    <t>諸見里</t>
  </si>
  <si>
    <t>山内</t>
  </si>
  <si>
    <t>山里</t>
  </si>
  <si>
    <t>久保田</t>
  </si>
  <si>
    <t>南桃原</t>
  </si>
  <si>
    <t>美里</t>
  </si>
  <si>
    <t>宮里</t>
  </si>
  <si>
    <t>吉原</t>
  </si>
  <si>
    <t>松本</t>
  </si>
  <si>
    <t>明道</t>
  </si>
  <si>
    <t>知花</t>
  </si>
  <si>
    <t>登川</t>
  </si>
  <si>
    <t>池原</t>
  </si>
  <si>
    <t>古謝</t>
  </si>
  <si>
    <t>高原</t>
  </si>
  <si>
    <t>大里</t>
  </si>
  <si>
    <t>東桃原</t>
  </si>
  <si>
    <t>比屋根</t>
  </si>
  <si>
    <t>与儀</t>
  </si>
  <si>
    <t>泡瀬</t>
  </si>
  <si>
    <t>泡瀬第一</t>
  </si>
  <si>
    <t>泡瀬第二</t>
  </si>
  <si>
    <t>泡瀬第三</t>
  </si>
  <si>
    <t>東</t>
  </si>
  <si>
    <t>海邦町</t>
  </si>
  <si>
    <t>基地内</t>
  </si>
  <si>
    <t>行政区名</t>
    <rPh sb="0" eb="3">
      <t>ギョウセイク</t>
    </rPh>
    <rPh sb="3" eb="4">
      <t>メイ</t>
    </rPh>
    <phoneticPr fontId="18"/>
  </si>
  <si>
    <t>男</t>
    <rPh sb="0" eb="1">
      <t>オトコ</t>
    </rPh>
    <phoneticPr fontId="18"/>
  </si>
  <si>
    <t>女</t>
    <rPh sb="0" eb="1">
      <t>オンナ</t>
    </rPh>
    <phoneticPr fontId="18"/>
  </si>
  <si>
    <t>計</t>
    <rPh sb="0" eb="1">
      <t>ケイ</t>
    </rPh>
    <phoneticPr fontId="18"/>
  </si>
  <si>
    <t>日本人</t>
    <rPh sb="0" eb="3">
      <t>ニホンジン</t>
    </rPh>
    <phoneticPr fontId="18"/>
  </si>
  <si>
    <t>外国人</t>
    <rPh sb="0" eb="2">
      <t>ガイコク</t>
    </rPh>
    <rPh sb="2" eb="3">
      <t>ジン</t>
    </rPh>
    <phoneticPr fontId="18"/>
  </si>
  <si>
    <t>混合</t>
    <rPh sb="0" eb="2">
      <t>コンゴウ</t>
    </rPh>
    <phoneticPr fontId="18"/>
  </si>
  <si>
    <t>世　帯　数</t>
    <rPh sb="0" eb="1">
      <t>ヨ</t>
    </rPh>
    <rPh sb="2" eb="3">
      <t>オビ</t>
    </rPh>
    <rPh sb="4" eb="5">
      <t>スウ</t>
    </rPh>
    <phoneticPr fontId="18"/>
  </si>
  <si>
    <t>人　　　　　　口</t>
    <rPh sb="0" eb="1">
      <t>ヒト</t>
    </rPh>
    <rPh sb="7" eb="8">
      <t>クチ</t>
    </rPh>
    <phoneticPr fontId="18"/>
  </si>
  <si>
    <t>日　本　人</t>
    <rPh sb="0" eb="1">
      <t>ヒ</t>
    </rPh>
    <rPh sb="2" eb="3">
      <t>ホン</t>
    </rPh>
    <rPh sb="4" eb="5">
      <t>ヒト</t>
    </rPh>
    <phoneticPr fontId="18"/>
  </si>
  <si>
    <t>外　国　人</t>
    <rPh sb="0" eb="1">
      <t>ソト</t>
    </rPh>
    <rPh sb="2" eb="3">
      <t>クニ</t>
    </rPh>
    <rPh sb="4" eb="5">
      <t>ジン</t>
    </rPh>
    <phoneticPr fontId="18"/>
  </si>
  <si>
    <t>合　　　計</t>
    <rPh sb="0" eb="1">
      <t>ゴウ</t>
    </rPh>
    <rPh sb="4" eb="5">
      <t>ケイ</t>
    </rPh>
    <phoneticPr fontId="18"/>
  </si>
  <si>
    <t>沖縄市</t>
    <rPh sb="0" eb="3">
      <t>オキナワシ</t>
    </rPh>
    <phoneticPr fontId="18"/>
  </si>
  <si>
    <t>合　計</t>
    <rPh sb="0" eb="1">
      <t>ゴウ</t>
    </rPh>
    <rPh sb="2" eb="3">
      <t>ケイ</t>
    </rPh>
    <phoneticPr fontId="18"/>
  </si>
  <si>
    <t>行政区別世帯・人口統計表</t>
    <rPh sb="0" eb="2">
      <t>ギョウセイ</t>
    </rPh>
    <rPh sb="2" eb="4">
      <t>クベツ</t>
    </rPh>
    <rPh sb="4" eb="6">
      <t>セタイ</t>
    </rPh>
    <rPh sb="7" eb="9">
      <t>ジンコウ</t>
    </rPh>
    <rPh sb="9" eb="12">
      <t>トウケイヒョウ</t>
    </rPh>
    <phoneticPr fontId="18"/>
  </si>
  <si>
    <t>令和 2年 6月30日現在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22" x14ac:knownFonts="1">
    <font>
      <sz val="11"/>
      <color theme="1"/>
      <name val="游ゴシック"/>
      <family val="2"/>
      <charset val="128"/>
      <scheme val="minor"/>
    </font>
    <font>
      <sz val="11"/>
      <color theme="1"/>
      <name val="游ゴシック"/>
      <family val="2"/>
      <charset val="128"/>
      <scheme val="minor"/>
    </font>
    <font>
      <sz val="18"/>
      <color theme="3"/>
      <name val="游ゴシック Light"/>
      <family val="2"/>
      <charset val="128"/>
      <scheme val="major"/>
    </font>
    <font>
      <b/>
      <sz val="15"/>
      <color theme="3"/>
      <name val="游ゴシック"/>
      <family val="2"/>
      <charset val="128"/>
      <scheme val="minor"/>
    </font>
    <font>
      <b/>
      <sz val="13"/>
      <color theme="3"/>
      <name val="游ゴシック"/>
      <family val="2"/>
      <charset val="128"/>
      <scheme val="minor"/>
    </font>
    <font>
      <b/>
      <sz val="11"/>
      <color theme="3"/>
      <name val="游ゴシック"/>
      <family val="2"/>
      <charset val="128"/>
      <scheme val="minor"/>
    </font>
    <font>
      <sz val="11"/>
      <color rgb="FF006100"/>
      <name val="游ゴシック"/>
      <family val="2"/>
      <charset val="128"/>
      <scheme val="minor"/>
    </font>
    <font>
      <sz val="11"/>
      <color rgb="FF9C0006"/>
      <name val="游ゴシック"/>
      <family val="2"/>
      <charset val="128"/>
      <scheme val="minor"/>
    </font>
    <font>
      <sz val="11"/>
      <color rgb="FF9C5700"/>
      <name val="游ゴシック"/>
      <family val="2"/>
      <charset val="128"/>
      <scheme val="minor"/>
    </font>
    <font>
      <sz val="11"/>
      <color rgb="FF3F3F76"/>
      <name val="游ゴシック"/>
      <family val="2"/>
      <charset val="128"/>
      <scheme val="minor"/>
    </font>
    <font>
      <b/>
      <sz val="11"/>
      <color rgb="FF3F3F3F"/>
      <name val="游ゴシック"/>
      <family val="2"/>
      <charset val="128"/>
      <scheme val="minor"/>
    </font>
    <font>
      <b/>
      <sz val="11"/>
      <color rgb="FFFA7D00"/>
      <name val="游ゴシック"/>
      <family val="2"/>
      <charset val="128"/>
      <scheme val="minor"/>
    </font>
    <font>
      <sz val="11"/>
      <color rgb="FFFA7D00"/>
      <name val="游ゴシック"/>
      <family val="2"/>
      <charset val="128"/>
      <scheme val="minor"/>
    </font>
    <font>
      <b/>
      <sz val="11"/>
      <color theme="0"/>
      <name val="游ゴシック"/>
      <family val="2"/>
      <charset val="128"/>
      <scheme val="minor"/>
    </font>
    <font>
      <sz val="11"/>
      <color rgb="FFFF0000"/>
      <name val="游ゴシック"/>
      <family val="2"/>
      <charset val="128"/>
      <scheme val="minor"/>
    </font>
    <font>
      <i/>
      <sz val="11"/>
      <color rgb="FF7F7F7F"/>
      <name val="游ゴシック"/>
      <family val="2"/>
      <charset val="128"/>
      <scheme val="minor"/>
    </font>
    <font>
      <b/>
      <sz val="11"/>
      <color theme="1"/>
      <name val="游ゴシック"/>
      <family val="2"/>
      <charset val="128"/>
      <scheme val="minor"/>
    </font>
    <font>
      <sz val="11"/>
      <color theme="0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1"/>
      <color theme="1"/>
      <name val="ＭＳ 明朝"/>
      <family val="1"/>
      <charset val="128"/>
    </font>
    <font>
      <sz val="20"/>
      <color theme="1"/>
      <name val="ＭＳ 明朝"/>
      <family val="1"/>
      <charset val="128"/>
    </font>
    <font>
      <sz val="16"/>
      <color theme="1"/>
      <name val="ＭＳ 明朝"/>
      <family val="1"/>
      <charset val="128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5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</borders>
  <cellStyleXfs count="43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2" fillId="0" borderId="0" applyNumberFormat="0" applyFill="0" applyBorder="0" applyAlignment="0" applyProtection="0">
      <alignment vertical="center"/>
    </xf>
    <xf numFmtId="0" fontId="3" fillId="0" borderId="1" applyNumberFormat="0" applyFill="0" applyAlignment="0" applyProtection="0">
      <alignment vertical="center"/>
    </xf>
    <xf numFmtId="0" fontId="4" fillId="0" borderId="2" applyNumberFormat="0" applyFill="0" applyAlignment="0" applyProtection="0">
      <alignment vertical="center"/>
    </xf>
    <xf numFmtId="0" fontId="5" fillId="0" borderId="3" applyNumberFormat="0" applyFill="0" applyAlignment="0" applyProtection="0">
      <alignment vertical="center"/>
    </xf>
    <xf numFmtId="0" fontId="5" fillId="0" borderId="0" applyNumberFormat="0" applyFill="0" applyBorder="0" applyAlignment="0" applyProtection="0">
      <alignment vertical="center"/>
    </xf>
    <xf numFmtId="0" fontId="6" fillId="2" borderId="0" applyNumberFormat="0" applyBorder="0" applyAlignment="0" applyProtection="0">
      <alignment vertical="center"/>
    </xf>
    <xf numFmtId="0" fontId="7" fillId="3" borderId="0" applyNumberFormat="0" applyBorder="0" applyAlignment="0" applyProtection="0">
      <alignment vertical="center"/>
    </xf>
    <xf numFmtId="0" fontId="8" fillId="4" borderId="0" applyNumberFormat="0" applyBorder="0" applyAlignment="0" applyProtection="0">
      <alignment vertical="center"/>
    </xf>
    <xf numFmtId="0" fontId="9" fillId="5" borderId="4" applyNumberFormat="0" applyAlignment="0" applyProtection="0">
      <alignment vertical="center"/>
    </xf>
    <xf numFmtId="0" fontId="10" fillId="6" borderId="5" applyNumberFormat="0" applyAlignment="0" applyProtection="0">
      <alignment vertical="center"/>
    </xf>
    <xf numFmtId="0" fontId="11" fillId="6" borderId="4" applyNumberFormat="0" applyAlignment="0" applyProtection="0">
      <alignment vertical="center"/>
    </xf>
    <xf numFmtId="0" fontId="12" fillId="0" borderId="6" applyNumberFormat="0" applyFill="0" applyAlignment="0" applyProtection="0">
      <alignment vertical="center"/>
    </xf>
    <xf numFmtId="0" fontId="13" fillId="7" borderId="7" applyNumberFormat="0" applyAlignment="0" applyProtection="0">
      <alignment vertical="center"/>
    </xf>
    <xf numFmtId="0" fontId="14" fillId="0" borderId="0" applyNumberFormat="0" applyFill="0" applyBorder="0" applyAlignment="0" applyProtection="0">
      <alignment vertical="center"/>
    </xf>
    <xf numFmtId="0" fontId="1" fillId="8" borderId="8" applyNumberFormat="0" applyFont="0" applyAlignment="0" applyProtection="0">
      <alignment vertical="center"/>
    </xf>
    <xf numFmtId="0" fontId="15" fillId="0" borderId="0" applyNumberFormat="0" applyFill="0" applyBorder="0" applyAlignment="0" applyProtection="0">
      <alignment vertical="center"/>
    </xf>
    <xf numFmtId="0" fontId="16" fillId="0" borderId="9" applyNumberFormat="0" applyFill="0" applyAlignment="0" applyProtection="0">
      <alignment vertical="center"/>
    </xf>
    <xf numFmtId="0" fontId="17" fillId="9" borderId="0" applyNumberFormat="0" applyBorder="0" applyAlignment="0" applyProtection="0">
      <alignment vertical="center"/>
    </xf>
    <xf numFmtId="0" fontId="1" fillId="10" borderId="0" applyNumberFormat="0" applyBorder="0" applyAlignment="0" applyProtection="0">
      <alignment vertical="center"/>
    </xf>
    <xf numFmtId="0" fontId="1" fillId="11" borderId="0" applyNumberFormat="0" applyBorder="0" applyAlignment="0" applyProtection="0">
      <alignment vertical="center"/>
    </xf>
    <xf numFmtId="0" fontId="1" fillId="12" borderId="0" applyNumberFormat="0" applyBorder="0" applyAlignment="0" applyProtection="0">
      <alignment vertical="center"/>
    </xf>
    <xf numFmtId="0" fontId="17" fillId="13" borderId="0" applyNumberFormat="0" applyBorder="0" applyAlignment="0" applyProtection="0">
      <alignment vertical="center"/>
    </xf>
    <xf numFmtId="0" fontId="1" fillId="14" borderId="0" applyNumberFormat="0" applyBorder="0" applyAlignment="0" applyProtection="0">
      <alignment vertical="center"/>
    </xf>
    <xf numFmtId="0" fontId="1" fillId="15" borderId="0" applyNumberFormat="0" applyBorder="0" applyAlignment="0" applyProtection="0">
      <alignment vertical="center"/>
    </xf>
    <xf numFmtId="0" fontId="1" fillId="16" borderId="0" applyNumberFormat="0" applyBorder="0" applyAlignment="0" applyProtection="0">
      <alignment vertical="center"/>
    </xf>
    <xf numFmtId="0" fontId="17" fillId="17" borderId="0" applyNumberFormat="0" applyBorder="0" applyAlignment="0" applyProtection="0">
      <alignment vertical="center"/>
    </xf>
    <xf numFmtId="0" fontId="1" fillId="18" borderId="0" applyNumberFormat="0" applyBorder="0" applyAlignment="0" applyProtection="0">
      <alignment vertical="center"/>
    </xf>
    <xf numFmtId="0" fontId="1" fillId="19" borderId="0" applyNumberFormat="0" applyBorder="0" applyAlignment="0" applyProtection="0">
      <alignment vertical="center"/>
    </xf>
    <xf numFmtId="0" fontId="1" fillId="20" borderId="0" applyNumberFormat="0" applyBorder="0" applyAlignment="0" applyProtection="0">
      <alignment vertical="center"/>
    </xf>
    <xf numFmtId="0" fontId="17" fillId="21" borderId="0" applyNumberFormat="0" applyBorder="0" applyAlignment="0" applyProtection="0">
      <alignment vertical="center"/>
    </xf>
    <xf numFmtId="0" fontId="1" fillId="22" borderId="0" applyNumberFormat="0" applyBorder="0" applyAlignment="0" applyProtection="0">
      <alignment vertical="center"/>
    </xf>
    <xf numFmtId="0" fontId="1" fillId="23" borderId="0" applyNumberFormat="0" applyBorder="0" applyAlignment="0" applyProtection="0">
      <alignment vertical="center"/>
    </xf>
    <xf numFmtId="0" fontId="1" fillId="24" borderId="0" applyNumberFormat="0" applyBorder="0" applyAlignment="0" applyProtection="0">
      <alignment vertical="center"/>
    </xf>
    <xf numFmtId="0" fontId="17" fillId="25" borderId="0" applyNumberFormat="0" applyBorder="0" applyAlignment="0" applyProtection="0">
      <alignment vertical="center"/>
    </xf>
    <xf numFmtId="0" fontId="1" fillId="26" borderId="0" applyNumberFormat="0" applyBorder="0" applyAlignment="0" applyProtection="0">
      <alignment vertical="center"/>
    </xf>
    <xf numFmtId="0" fontId="1" fillId="27" borderId="0" applyNumberFormat="0" applyBorder="0" applyAlignment="0" applyProtection="0">
      <alignment vertical="center"/>
    </xf>
    <xf numFmtId="0" fontId="1" fillId="28" borderId="0" applyNumberFormat="0" applyBorder="0" applyAlignment="0" applyProtection="0">
      <alignment vertical="center"/>
    </xf>
    <xf numFmtId="0" fontId="17" fillId="29" borderId="0" applyNumberFormat="0" applyBorder="0" applyAlignment="0" applyProtection="0">
      <alignment vertical="center"/>
    </xf>
    <xf numFmtId="0" fontId="1" fillId="30" borderId="0" applyNumberFormat="0" applyBorder="0" applyAlignment="0" applyProtection="0">
      <alignment vertical="center"/>
    </xf>
    <xf numFmtId="0" fontId="1" fillId="31" borderId="0" applyNumberFormat="0" applyBorder="0" applyAlignment="0" applyProtection="0">
      <alignment vertical="center"/>
    </xf>
    <xf numFmtId="0" fontId="1" fillId="32" borderId="0" applyNumberFormat="0" applyBorder="0" applyAlignment="0" applyProtection="0">
      <alignment vertical="center"/>
    </xf>
  </cellStyleXfs>
  <cellXfs count="18">
    <xf numFmtId="0" fontId="0" fillId="0" borderId="0" xfId="0">
      <alignment vertical="center"/>
    </xf>
    <xf numFmtId="0" fontId="19" fillId="0" borderId="0" xfId="0" applyFont="1">
      <alignment vertical="center"/>
    </xf>
    <xf numFmtId="0" fontId="19" fillId="0" borderId="10" xfId="0" applyFont="1" applyBorder="1">
      <alignment vertical="center"/>
    </xf>
    <xf numFmtId="38" fontId="19" fillId="0" borderId="0" xfId="1" applyFont="1">
      <alignment vertical="center"/>
    </xf>
    <xf numFmtId="55" fontId="19" fillId="0" borderId="0" xfId="1" applyNumberFormat="1" applyFont="1" applyAlignment="1">
      <alignment horizontal="right" vertical="center"/>
    </xf>
    <xf numFmtId="38" fontId="19" fillId="0" borderId="11" xfId="1" applyFont="1" applyBorder="1" applyAlignment="1">
      <alignment horizontal="center" vertical="center"/>
    </xf>
    <xf numFmtId="38" fontId="19" fillId="0" borderId="12" xfId="1" applyFont="1" applyBorder="1" applyAlignment="1">
      <alignment horizontal="center" vertical="center"/>
    </xf>
    <xf numFmtId="38" fontId="19" fillId="0" borderId="13" xfId="1" applyFont="1" applyBorder="1" applyAlignment="1">
      <alignment horizontal="center" vertical="center"/>
    </xf>
    <xf numFmtId="38" fontId="19" fillId="0" borderId="11" xfId="1" applyFont="1" applyBorder="1">
      <alignment vertical="center"/>
    </xf>
    <xf numFmtId="38" fontId="19" fillId="0" borderId="12" xfId="1" applyFont="1" applyBorder="1">
      <alignment vertical="center"/>
    </xf>
    <xf numFmtId="38" fontId="19" fillId="0" borderId="13" xfId="1" applyFont="1" applyBorder="1">
      <alignment vertical="center"/>
    </xf>
    <xf numFmtId="0" fontId="21" fillId="0" borderId="0" xfId="0" applyFont="1">
      <alignment vertical="center"/>
    </xf>
    <xf numFmtId="0" fontId="19" fillId="0" borderId="10" xfId="0" applyFont="1" applyBorder="1" applyAlignment="1">
      <alignment horizontal="center" vertical="center"/>
    </xf>
    <xf numFmtId="38" fontId="19" fillId="0" borderId="14" xfId="1" applyFont="1" applyBorder="1" applyAlignment="1">
      <alignment horizontal="center" vertical="center"/>
    </xf>
    <xf numFmtId="38" fontId="19" fillId="0" borderId="14" xfId="1" applyFont="1" applyBorder="1">
      <alignment vertical="center"/>
    </xf>
    <xf numFmtId="0" fontId="19" fillId="0" borderId="10" xfId="0" applyFont="1" applyBorder="1" applyAlignment="1">
      <alignment horizontal="center" vertical="center"/>
    </xf>
    <xf numFmtId="0" fontId="20" fillId="0" borderId="0" xfId="0" applyFont="1" applyAlignment="1">
      <alignment horizontal="center" vertical="center"/>
    </xf>
    <xf numFmtId="38" fontId="19" fillId="0" borderId="10" xfId="1" applyFont="1" applyBorder="1" applyAlignment="1">
      <alignment horizontal="center" vertical="center"/>
    </xf>
  </cellXfs>
  <cellStyles count="43">
    <cellStyle name="20% - アクセント 1" xfId="20" builtinId="30" customBuiltin="1"/>
    <cellStyle name="20% - アクセント 2" xfId="24" builtinId="34" customBuiltin="1"/>
    <cellStyle name="20% - アクセント 3" xfId="28" builtinId="38" customBuiltin="1"/>
    <cellStyle name="20% - アクセント 4" xfId="32" builtinId="42" customBuiltin="1"/>
    <cellStyle name="20% - アクセント 5" xfId="36" builtinId="46" customBuiltin="1"/>
    <cellStyle name="20% - アクセント 6" xfId="40" builtinId="50" customBuiltin="1"/>
    <cellStyle name="40% - アクセント 1" xfId="21" builtinId="31" customBuiltin="1"/>
    <cellStyle name="40% - アクセント 2" xfId="25" builtinId="35" customBuiltin="1"/>
    <cellStyle name="40% - アクセント 3" xfId="29" builtinId="39" customBuiltin="1"/>
    <cellStyle name="40% - アクセント 4" xfId="33" builtinId="43" customBuiltin="1"/>
    <cellStyle name="40% - アクセント 5" xfId="37" builtinId="47" customBuiltin="1"/>
    <cellStyle name="40% - アクセント 6" xfId="41" builtinId="51" customBuiltin="1"/>
    <cellStyle name="60% - アクセント 1" xfId="22" builtinId="32" customBuiltin="1"/>
    <cellStyle name="60% - アクセント 2" xfId="26" builtinId="36" customBuiltin="1"/>
    <cellStyle name="60% - アクセント 3" xfId="30" builtinId="40" customBuiltin="1"/>
    <cellStyle name="60% - アクセント 4" xfId="34" builtinId="44" customBuiltin="1"/>
    <cellStyle name="60% - アクセント 5" xfId="38" builtinId="48" customBuiltin="1"/>
    <cellStyle name="60% - アクセント 6" xfId="42" builtinId="52" customBuiltin="1"/>
    <cellStyle name="アクセント 1" xfId="19" builtinId="29" customBuiltin="1"/>
    <cellStyle name="アクセント 2" xfId="23" builtinId="33" customBuiltin="1"/>
    <cellStyle name="アクセント 3" xfId="27" builtinId="37" customBuiltin="1"/>
    <cellStyle name="アクセント 4" xfId="31" builtinId="41" customBuiltin="1"/>
    <cellStyle name="アクセント 5" xfId="35" builtinId="45" customBuiltin="1"/>
    <cellStyle name="アクセント 6" xfId="39" builtinId="49" customBuiltin="1"/>
    <cellStyle name="タイトル" xfId="2" builtinId="15" customBuiltin="1"/>
    <cellStyle name="チェック セル" xfId="14" builtinId="23" customBuiltin="1"/>
    <cellStyle name="どちらでもない" xfId="9" builtinId="28" customBuiltin="1"/>
    <cellStyle name="メモ" xfId="16" builtinId="10" customBuiltin="1"/>
    <cellStyle name="リンク セル" xfId="13" builtinId="24" customBuiltin="1"/>
    <cellStyle name="悪い" xfId="8" builtinId="27" customBuiltin="1"/>
    <cellStyle name="計算" xfId="12" builtinId="22" customBuiltin="1"/>
    <cellStyle name="警告文" xfId="15" builtinId="11" customBuiltin="1"/>
    <cellStyle name="桁区切り" xfId="1" builtinId="6"/>
    <cellStyle name="見出し 1" xfId="3" builtinId="16" customBuiltin="1"/>
    <cellStyle name="見出し 2" xfId="4" builtinId="17" customBuiltin="1"/>
    <cellStyle name="見出し 3" xfId="5" builtinId="18" customBuiltin="1"/>
    <cellStyle name="見出し 4" xfId="6" builtinId="19" customBuiltin="1"/>
    <cellStyle name="集計" xfId="18" builtinId="25" customBuiltin="1"/>
    <cellStyle name="出力" xfId="11" builtinId="21" customBuiltin="1"/>
    <cellStyle name="説明文" xfId="17" builtinId="53" customBuiltin="1"/>
    <cellStyle name="入力" xfId="10" builtinId="20" customBuiltin="1"/>
    <cellStyle name="標準" xfId="0" builtinId="0"/>
    <cellStyle name="良い" xfId="7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52"/>
  <sheetViews>
    <sheetView tabSelected="1" zoomScaleNormal="100" workbookViewId="0">
      <selection activeCell="A2" sqref="A2"/>
    </sheetView>
  </sheetViews>
  <sheetFormatPr defaultColWidth="8.75" defaultRowHeight="13.5" x14ac:dyDescent="0.4"/>
  <cols>
    <col min="1" max="1" width="19.5" style="1" customWidth="1"/>
    <col min="2" max="14" width="8.75" style="3"/>
    <col min="15" max="16384" width="8.75" style="1"/>
  </cols>
  <sheetData>
    <row r="1" spans="1:14" ht="24" x14ac:dyDescent="0.4">
      <c r="A1" s="16" t="s">
        <v>52</v>
      </c>
      <c r="B1" s="16"/>
      <c r="C1" s="16"/>
      <c r="D1" s="16"/>
      <c r="E1" s="16"/>
      <c r="F1" s="16"/>
      <c r="G1" s="16"/>
      <c r="H1" s="16"/>
      <c r="I1" s="16"/>
      <c r="J1" s="16"/>
      <c r="K1" s="16"/>
      <c r="L1" s="16"/>
      <c r="M1" s="16"/>
      <c r="N1" s="16"/>
    </row>
    <row r="2" spans="1:14" ht="15" customHeight="1" x14ac:dyDescent="0.4"/>
    <row r="3" spans="1:14" ht="18.75" x14ac:dyDescent="0.4">
      <c r="A3" s="11" t="s">
        <v>50</v>
      </c>
      <c r="N3" s="4" t="s">
        <v>53</v>
      </c>
    </row>
    <row r="4" spans="1:14" ht="15" customHeight="1" x14ac:dyDescent="0.4">
      <c r="A4" s="15" t="s">
        <v>38</v>
      </c>
      <c r="B4" s="17" t="s">
        <v>45</v>
      </c>
      <c r="C4" s="17"/>
      <c r="D4" s="17"/>
      <c r="E4" s="17"/>
      <c r="F4" s="17" t="s">
        <v>46</v>
      </c>
      <c r="G4" s="17"/>
      <c r="H4" s="17"/>
      <c r="I4" s="17"/>
      <c r="J4" s="17"/>
      <c r="K4" s="17"/>
      <c r="L4" s="17"/>
      <c r="M4" s="17"/>
      <c r="N4" s="17"/>
    </row>
    <row r="5" spans="1:14" ht="15" customHeight="1" x14ac:dyDescent="0.4">
      <c r="A5" s="15"/>
      <c r="B5" s="17"/>
      <c r="C5" s="17"/>
      <c r="D5" s="17"/>
      <c r="E5" s="17"/>
      <c r="F5" s="17" t="s">
        <v>47</v>
      </c>
      <c r="G5" s="17"/>
      <c r="H5" s="17"/>
      <c r="I5" s="17" t="s">
        <v>48</v>
      </c>
      <c r="J5" s="17"/>
      <c r="K5" s="17"/>
      <c r="L5" s="17" t="s">
        <v>49</v>
      </c>
      <c r="M5" s="17"/>
      <c r="N5" s="17"/>
    </row>
    <row r="6" spans="1:14" ht="15" customHeight="1" x14ac:dyDescent="0.4">
      <c r="A6" s="15"/>
      <c r="B6" s="5" t="s">
        <v>42</v>
      </c>
      <c r="C6" s="6" t="s">
        <v>43</v>
      </c>
      <c r="D6" s="13" t="s">
        <v>44</v>
      </c>
      <c r="E6" s="7" t="s">
        <v>41</v>
      </c>
      <c r="F6" s="5" t="s">
        <v>39</v>
      </c>
      <c r="G6" s="6" t="s">
        <v>40</v>
      </c>
      <c r="H6" s="7" t="s">
        <v>41</v>
      </c>
      <c r="I6" s="5" t="s">
        <v>39</v>
      </c>
      <c r="J6" s="6" t="s">
        <v>40</v>
      </c>
      <c r="K6" s="7" t="s">
        <v>41</v>
      </c>
      <c r="L6" s="5" t="s">
        <v>39</v>
      </c>
      <c r="M6" s="6" t="s">
        <v>40</v>
      </c>
      <c r="N6" s="7" t="s">
        <v>41</v>
      </c>
    </row>
    <row r="7" spans="1:14" ht="18" customHeight="1" x14ac:dyDescent="0.4">
      <c r="A7" s="2" t="s">
        <v>0</v>
      </c>
      <c r="B7" s="8">
        <v>1053</v>
      </c>
      <c r="C7" s="9">
        <v>8</v>
      </c>
      <c r="D7" s="14">
        <v>4</v>
      </c>
      <c r="E7" s="10">
        <v>1065</v>
      </c>
      <c r="F7" s="8">
        <v>1155</v>
      </c>
      <c r="G7" s="9">
        <v>1192</v>
      </c>
      <c r="H7" s="10">
        <v>2347</v>
      </c>
      <c r="I7" s="8">
        <v>9</v>
      </c>
      <c r="J7" s="9">
        <v>3</v>
      </c>
      <c r="K7" s="10">
        <v>12</v>
      </c>
      <c r="L7" s="8">
        <v>1164</v>
      </c>
      <c r="M7" s="9">
        <v>1195</v>
      </c>
      <c r="N7" s="10">
        <v>2359</v>
      </c>
    </row>
    <row r="8" spans="1:14" ht="18" customHeight="1" x14ac:dyDescent="0.4">
      <c r="A8" s="2" t="s">
        <v>1</v>
      </c>
      <c r="B8" s="8">
        <v>498</v>
      </c>
      <c r="C8" s="9">
        <v>8</v>
      </c>
      <c r="D8" s="14">
        <v>9</v>
      </c>
      <c r="E8" s="10">
        <v>515</v>
      </c>
      <c r="F8" s="8">
        <v>449</v>
      </c>
      <c r="G8" s="9">
        <v>409</v>
      </c>
      <c r="H8" s="10">
        <v>858</v>
      </c>
      <c r="I8" s="8">
        <v>18</v>
      </c>
      <c r="J8" s="9">
        <v>5</v>
      </c>
      <c r="K8" s="10">
        <v>23</v>
      </c>
      <c r="L8" s="8">
        <v>467</v>
      </c>
      <c r="M8" s="9">
        <v>414</v>
      </c>
      <c r="N8" s="10">
        <v>881</v>
      </c>
    </row>
    <row r="9" spans="1:14" ht="18" customHeight="1" x14ac:dyDescent="0.4">
      <c r="A9" s="2" t="s">
        <v>2</v>
      </c>
      <c r="B9" s="8">
        <v>2298</v>
      </c>
      <c r="C9" s="9">
        <v>18</v>
      </c>
      <c r="D9" s="14">
        <v>10</v>
      </c>
      <c r="E9" s="10">
        <v>2326</v>
      </c>
      <c r="F9" s="8">
        <v>2206</v>
      </c>
      <c r="G9" s="9">
        <v>2221</v>
      </c>
      <c r="H9" s="10">
        <v>4427</v>
      </c>
      <c r="I9" s="8">
        <v>19</v>
      </c>
      <c r="J9" s="9">
        <v>12</v>
      </c>
      <c r="K9" s="10">
        <v>31</v>
      </c>
      <c r="L9" s="8">
        <v>2225</v>
      </c>
      <c r="M9" s="9">
        <v>2233</v>
      </c>
      <c r="N9" s="10">
        <v>4458</v>
      </c>
    </row>
    <row r="10" spans="1:14" ht="18" customHeight="1" x14ac:dyDescent="0.4">
      <c r="A10" s="2" t="s">
        <v>3</v>
      </c>
      <c r="B10" s="8">
        <v>2313</v>
      </c>
      <c r="C10" s="9">
        <v>21</v>
      </c>
      <c r="D10" s="14">
        <v>25</v>
      </c>
      <c r="E10" s="10">
        <v>2359</v>
      </c>
      <c r="F10" s="8">
        <v>2330</v>
      </c>
      <c r="G10" s="9">
        <v>2474</v>
      </c>
      <c r="H10" s="10">
        <v>4804</v>
      </c>
      <c r="I10" s="8">
        <v>31</v>
      </c>
      <c r="J10" s="9">
        <v>28</v>
      </c>
      <c r="K10" s="10">
        <v>59</v>
      </c>
      <c r="L10" s="8">
        <v>2361</v>
      </c>
      <c r="M10" s="9">
        <v>2502</v>
      </c>
      <c r="N10" s="10">
        <v>4863</v>
      </c>
    </row>
    <row r="11" spans="1:14" ht="18" customHeight="1" x14ac:dyDescent="0.4">
      <c r="A11" s="2" t="s">
        <v>4</v>
      </c>
      <c r="B11" s="8">
        <v>1053</v>
      </c>
      <c r="C11" s="9">
        <v>5</v>
      </c>
      <c r="D11" s="14">
        <v>5</v>
      </c>
      <c r="E11" s="10">
        <v>1063</v>
      </c>
      <c r="F11" s="8">
        <v>933</v>
      </c>
      <c r="G11" s="9">
        <v>1073</v>
      </c>
      <c r="H11" s="10">
        <v>2006</v>
      </c>
      <c r="I11" s="8">
        <v>9</v>
      </c>
      <c r="J11" s="9">
        <v>2</v>
      </c>
      <c r="K11" s="10">
        <v>11</v>
      </c>
      <c r="L11" s="8">
        <v>942</v>
      </c>
      <c r="M11" s="9">
        <v>1075</v>
      </c>
      <c r="N11" s="10">
        <v>2017</v>
      </c>
    </row>
    <row r="12" spans="1:14" ht="18" customHeight="1" x14ac:dyDescent="0.4">
      <c r="A12" s="2" t="s">
        <v>5</v>
      </c>
      <c r="B12" s="8">
        <v>731</v>
      </c>
      <c r="C12" s="9">
        <v>7</v>
      </c>
      <c r="D12" s="14">
        <v>3</v>
      </c>
      <c r="E12" s="10">
        <v>741</v>
      </c>
      <c r="F12" s="8">
        <v>696</v>
      </c>
      <c r="G12" s="9">
        <v>738</v>
      </c>
      <c r="H12" s="10">
        <v>1434</v>
      </c>
      <c r="I12" s="8">
        <v>10</v>
      </c>
      <c r="J12" s="9">
        <v>11</v>
      </c>
      <c r="K12" s="10">
        <v>21</v>
      </c>
      <c r="L12" s="8">
        <v>706</v>
      </c>
      <c r="M12" s="9">
        <v>749</v>
      </c>
      <c r="N12" s="10">
        <v>1455</v>
      </c>
    </row>
    <row r="13" spans="1:14" ht="18" customHeight="1" x14ac:dyDescent="0.4">
      <c r="A13" s="2" t="s">
        <v>6</v>
      </c>
      <c r="B13" s="8">
        <v>663</v>
      </c>
      <c r="C13" s="9">
        <v>5</v>
      </c>
      <c r="D13" s="14">
        <v>5</v>
      </c>
      <c r="E13" s="10">
        <v>673</v>
      </c>
      <c r="F13" s="8">
        <v>727</v>
      </c>
      <c r="G13" s="9">
        <v>693</v>
      </c>
      <c r="H13" s="10">
        <v>1420</v>
      </c>
      <c r="I13" s="8">
        <v>8</v>
      </c>
      <c r="J13" s="9">
        <v>6</v>
      </c>
      <c r="K13" s="10">
        <v>14</v>
      </c>
      <c r="L13" s="8">
        <v>735</v>
      </c>
      <c r="M13" s="9">
        <v>699</v>
      </c>
      <c r="N13" s="10">
        <v>1434</v>
      </c>
    </row>
    <row r="14" spans="1:14" ht="18" customHeight="1" x14ac:dyDescent="0.4">
      <c r="A14" s="2" t="s">
        <v>7</v>
      </c>
      <c r="B14" s="8">
        <v>292</v>
      </c>
      <c r="C14" s="9">
        <v>9</v>
      </c>
      <c r="D14" s="14">
        <v>3</v>
      </c>
      <c r="E14" s="10">
        <v>304</v>
      </c>
      <c r="F14" s="8">
        <v>322</v>
      </c>
      <c r="G14" s="9">
        <v>381</v>
      </c>
      <c r="H14" s="10">
        <v>703</v>
      </c>
      <c r="I14" s="8">
        <v>10</v>
      </c>
      <c r="J14" s="9">
        <v>6</v>
      </c>
      <c r="K14" s="10">
        <v>16</v>
      </c>
      <c r="L14" s="8">
        <v>332</v>
      </c>
      <c r="M14" s="9">
        <v>387</v>
      </c>
      <c r="N14" s="10">
        <v>719</v>
      </c>
    </row>
    <row r="15" spans="1:14" ht="18" customHeight="1" x14ac:dyDescent="0.4">
      <c r="A15" s="2" t="s">
        <v>8</v>
      </c>
      <c r="B15" s="8">
        <v>1494</v>
      </c>
      <c r="C15" s="9">
        <v>59</v>
      </c>
      <c r="D15" s="14">
        <v>16</v>
      </c>
      <c r="E15" s="10">
        <v>1569</v>
      </c>
      <c r="F15" s="8">
        <v>1250</v>
      </c>
      <c r="G15" s="9">
        <v>1239</v>
      </c>
      <c r="H15" s="10">
        <v>2489</v>
      </c>
      <c r="I15" s="8">
        <v>58</v>
      </c>
      <c r="J15" s="9">
        <v>45</v>
      </c>
      <c r="K15" s="10">
        <v>103</v>
      </c>
      <c r="L15" s="8">
        <v>1308</v>
      </c>
      <c r="M15" s="9">
        <v>1284</v>
      </c>
      <c r="N15" s="10">
        <v>2592</v>
      </c>
    </row>
    <row r="16" spans="1:14" ht="18" customHeight="1" x14ac:dyDescent="0.4">
      <c r="A16" s="2" t="s">
        <v>9</v>
      </c>
      <c r="B16" s="8">
        <v>3193</v>
      </c>
      <c r="C16" s="9">
        <v>57</v>
      </c>
      <c r="D16" s="14">
        <v>33</v>
      </c>
      <c r="E16" s="10">
        <v>3283</v>
      </c>
      <c r="F16" s="8">
        <v>3162</v>
      </c>
      <c r="G16" s="9">
        <v>3561</v>
      </c>
      <c r="H16" s="10">
        <v>6723</v>
      </c>
      <c r="I16" s="8">
        <v>61</v>
      </c>
      <c r="J16" s="9">
        <v>69</v>
      </c>
      <c r="K16" s="10">
        <v>130</v>
      </c>
      <c r="L16" s="8">
        <v>3223</v>
      </c>
      <c r="M16" s="9">
        <v>3630</v>
      </c>
      <c r="N16" s="10">
        <v>6853</v>
      </c>
    </row>
    <row r="17" spans="1:14" ht="18" customHeight="1" x14ac:dyDescent="0.4">
      <c r="A17" s="2" t="s">
        <v>10</v>
      </c>
      <c r="B17" s="8">
        <v>1890</v>
      </c>
      <c r="C17" s="9">
        <v>63</v>
      </c>
      <c r="D17" s="14">
        <v>15</v>
      </c>
      <c r="E17" s="10">
        <v>1968</v>
      </c>
      <c r="F17" s="8">
        <v>1825</v>
      </c>
      <c r="G17" s="9">
        <v>1954</v>
      </c>
      <c r="H17" s="10">
        <v>3779</v>
      </c>
      <c r="I17" s="8">
        <v>64</v>
      </c>
      <c r="J17" s="9">
        <v>29</v>
      </c>
      <c r="K17" s="10">
        <v>93</v>
      </c>
      <c r="L17" s="8">
        <v>1889</v>
      </c>
      <c r="M17" s="9">
        <v>1983</v>
      </c>
      <c r="N17" s="10">
        <v>3872</v>
      </c>
    </row>
    <row r="18" spans="1:14" ht="18" customHeight="1" x14ac:dyDescent="0.4">
      <c r="A18" s="2" t="s">
        <v>11</v>
      </c>
      <c r="B18" s="8">
        <v>636</v>
      </c>
      <c r="C18" s="9">
        <v>4</v>
      </c>
      <c r="D18" s="14">
        <v>1</v>
      </c>
      <c r="E18" s="10">
        <v>641</v>
      </c>
      <c r="F18" s="8">
        <v>615</v>
      </c>
      <c r="G18" s="9">
        <v>644</v>
      </c>
      <c r="H18" s="10">
        <v>1259</v>
      </c>
      <c r="I18" s="8">
        <v>5</v>
      </c>
      <c r="J18" s="9">
        <v>0</v>
      </c>
      <c r="K18" s="10">
        <v>5</v>
      </c>
      <c r="L18" s="8">
        <v>620</v>
      </c>
      <c r="M18" s="9">
        <v>644</v>
      </c>
      <c r="N18" s="10">
        <v>1264</v>
      </c>
    </row>
    <row r="19" spans="1:14" ht="18" customHeight="1" x14ac:dyDescent="0.4">
      <c r="A19" s="2" t="s">
        <v>12</v>
      </c>
      <c r="B19" s="8">
        <v>2266</v>
      </c>
      <c r="C19" s="9">
        <v>25</v>
      </c>
      <c r="D19" s="14">
        <v>18</v>
      </c>
      <c r="E19" s="10">
        <v>2309</v>
      </c>
      <c r="F19" s="8">
        <v>2211</v>
      </c>
      <c r="G19" s="9">
        <v>2447</v>
      </c>
      <c r="H19" s="10">
        <v>4658</v>
      </c>
      <c r="I19" s="8">
        <v>33</v>
      </c>
      <c r="J19" s="9">
        <v>16</v>
      </c>
      <c r="K19" s="10">
        <v>49</v>
      </c>
      <c r="L19" s="8">
        <v>2244</v>
      </c>
      <c r="M19" s="9">
        <v>2463</v>
      </c>
      <c r="N19" s="10">
        <v>4707</v>
      </c>
    </row>
    <row r="20" spans="1:14" ht="18" customHeight="1" x14ac:dyDescent="0.4">
      <c r="A20" s="2" t="s">
        <v>13</v>
      </c>
      <c r="B20" s="8">
        <v>1599</v>
      </c>
      <c r="C20" s="9">
        <v>13</v>
      </c>
      <c r="D20" s="14">
        <v>19</v>
      </c>
      <c r="E20" s="10">
        <v>1631</v>
      </c>
      <c r="F20" s="8">
        <v>1892</v>
      </c>
      <c r="G20" s="9">
        <v>2028</v>
      </c>
      <c r="H20" s="10">
        <v>3920</v>
      </c>
      <c r="I20" s="8">
        <v>30</v>
      </c>
      <c r="J20" s="9">
        <v>14</v>
      </c>
      <c r="K20" s="10">
        <v>44</v>
      </c>
      <c r="L20" s="8">
        <v>1922</v>
      </c>
      <c r="M20" s="9">
        <v>2042</v>
      </c>
      <c r="N20" s="10">
        <v>3964</v>
      </c>
    </row>
    <row r="21" spans="1:14" ht="18" customHeight="1" x14ac:dyDescent="0.4">
      <c r="A21" s="2" t="s">
        <v>14</v>
      </c>
      <c r="B21" s="8">
        <v>1151</v>
      </c>
      <c r="C21" s="9">
        <v>33</v>
      </c>
      <c r="D21" s="14">
        <v>17</v>
      </c>
      <c r="E21" s="10">
        <v>1201</v>
      </c>
      <c r="F21" s="8">
        <v>1131</v>
      </c>
      <c r="G21" s="9">
        <v>1291</v>
      </c>
      <c r="H21" s="10">
        <v>2422</v>
      </c>
      <c r="I21" s="8">
        <v>41</v>
      </c>
      <c r="J21" s="9">
        <v>21</v>
      </c>
      <c r="K21" s="10">
        <v>62</v>
      </c>
      <c r="L21" s="8">
        <v>1172</v>
      </c>
      <c r="M21" s="9">
        <v>1312</v>
      </c>
      <c r="N21" s="10">
        <v>2484</v>
      </c>
    </row>
    <row r="22" spans="1:14" ht="18" customHeight="1" x14ac:dyDescent="0.4">
      <c r="A22" s="2" t="s">
        <v>15</v>
      </c>
      <c r="B22" s="8">
        <v>1005</v>
      </c>
      <c r="C22" s="9">
        <v>12</v>
      </c>
      <c r="D22" s="14">
        <v>10</v>
      </c>
      <c r="E22" s="10">
        <v>1027</v>
      </c>
      <c r="F22" s="8">
        <v>1045</v>
      </c>
      <c r="G22" s="9">
        <v>1089</v>
      </c>
      <c r="H22" s="10">
        <v>2134</v>
      </c>
      <c r="I22" s="8">
        <v>20</v>
      </c>
      <c r="J22" s="9">
        <v>13</v>
      </c>
      <c r="K22" s="10">
        <v>33</v>
      </c>
      <c r="L22" s="8">
        <v>1065</v>
      </c>
      <c r="M22" s="9">
        <v>1102</v>
      </c>
      <c r="N22" s="10">
        <v>2167</v>
      </c>
    </row>
    <row r="23" spans="1:14" ht="18" customHeight="1" x14ac:dyDescent="0.4">
      <c r="A23" s="2" t="s">
        <v>16</v>
      </c>
      <c r="B23" s="8">
        <v>2033</v>
      </c>
      <c r="C23" s="9">
        <v>13</v>
      </c>
      <c r="D23" s="14">
        <v>14</v>
      </c>
      <c r="E23" s="10">
        <v>2060</v>
      </c>
      <c r="F23" s="8">
        <v>2386</v>
      </c>
      <c r="G23" s="9">
        <v>2543</v>
      </c>
      <c r="H23" s="10">
        <v>4929</v>
      </c>
      <c r="I23" s="8">
        <v>22</v>
      </c>
      <c r="J23" s="9">
        <v>19</v>
      </c>
      <c r="K23" s="10">
        <v>41</v>
      </c>
      <c r="L23" s="8">
        <v>2408</v>
      </c>
      <c r="M23" s="9">
        <v>2562</v>
      </c>
      <c r="N23" s="10">
        <v>4970</v>
      </c>
    </row>
    <row r="24" spans="1:14" ht="18" customHeight="1" x14ac:dyDescent="0.4">
      <c r="A24" s="2" t="s">
        <v>17</v>
      </c>
      <c r="B24" s="8">
        <v>4845</v>
      </c>
      <c r="C24" s="9">
        <v>54</v>
      </c>
      <c r="D24" s="14">
        <v>34</v>
      </c>
      <c r="E24" s="10">
        <v>4933</v>
      </c>
      <c r="F24" s="8">
        <v>5798</v>
      </c>
      <c r="G24" s="9">
        <v>6340</v>
      </c>
      <c r="H24" s="10">
        <v>12138</v>
      </c>
      <c r="I24" s="8">
        <v>70</v>
      </c>
      <c r="J24" s="9">
        <v>39</v>
      </c>
      <c r="K24" s="10">
        <v>109</v>
      </c>
      <c r="L24" s="8">
        <v>5868</v>
      </c>
      <c r="M24" s="9">
        <v>6379</v>
      </c>
      <c r="N24" s="10">
        <v>12247</v>
      </c>
    </row>
    <row r="25" spans="1:14" ht="18" customHeight="1" x14ac:dyDescent="0.4">
      <c r="A25" s="2" t="s">
        <v>18</v>
      </c>
      <c r="B25" s="8">
        <v>2568</v>
      </c>
      <c r="C25" s="9">
        <v>32</v>
      </c>
      <c r="D25" s="14">
        <v>16</v>
      </c>
      <c r="E25" s="10">
        <v>2616</v>
      </c>
      <c r="F25" s="8">
        <v>3093</v>
      </c>
      <c r="G25" s="9">
        <v>3236</v>
      </c>
      <c r="H25" s="10">
        <v>6329</v>
      </c>
      <c r="I25" s="8">
        <v>37</v>
      </c>
      <c r="J25" s="9">
        <v>28</v>
      </c>
      <c r="K25" s="10">
        <v>65</v>
      </c>
      <c r="L25" s="8">
        <v>3130</v>
      </c>
      <c r="M25" s="9">
        <v>3264</v>
      </c>
      <c r="N25" s="10">
        <v>6394</v>
      </c>
    </row>
    <row r="26" spans="1:14" ht="18" customHeight="1" x14ac:dyDescent="0.4">
      <c r="A26" s="2" t="s">
        <v>19</v>
      </c>
      <c r="B26" s="8">
        <v>191</v>
      </c>
      <c r="C26" s="9">
        <v>0</v>
      </c>
      <c r="D26" s="14">
        <v>0</v>
      </c>
      <c r="E26" s="10">
        <v>191</v>
      </c>
      <c r="F26" s="8">
        <v>163</v>
      </c>
      <c r="G26" s="9">
        <v>172</v>
      </c>
      <c r="H26" s="10">
        <v>335</v>
      </c>
      <c r="I26" s="8">
        <v>0</v>
      </c>
      <c r="J26" s="9">
        <v>0</v>
      </c>
      <c r="K26" s="10">
        <v>0</v>
      </c>
      <c r="L26" s="8">
        <v>163</v>
      </c>
      <c r="M26" s="9">
        <v>172</v>
      </c>
      <c r="N26" s="10">
        <v>335</v>
      </c>
    </row>
    <row r="27" spans="1:14" ht="18" customHeight="1" x14ac:dyDescent="0.4">
      <c r="A27" s="2" t="s">
        <v>20</v>
      </c>
      <c r="B27" s="8">
        <v>1881</v>
      </c>
      <c r="C27" s="9">
        <v>15</v>
      </c>
      <c r="D27" s="14">
        <v>14</v>
      </c>
      <c r="E27" s="10">
        <v>1910</v>
      </c>
      <c r="F27" s="8">
        <v>2157</v>
      </c>
      <c r="G27" s="9">
        <v>2148</v>
      </c>
      <c r="H27" s="10">
        <v>4305</v>
      </c>
      <c r="I27" s="8">
        <v>19</v>
      </c>
      <c r="J27" s="9">
        <v>20</v>
      </c>
      <c r="K27" s="10">
        <v>39</v>
      </c>
      <c r="L27" s="8">
        <v>2176</v>
      </c>
      <c r="M27" s="9">
        <v>2168</v>
      </c>
      <c r="N27" s="10">
        <v>4344</v>
      </c>
    </row>
    <row r="28" spans="1:14" ht="18" customHeight="1" x14ac:dyDescent="0.4">
      <c r="A28" s="2" t="s">
        <v>21</v>
      </c>
      <c r="B28" s="8">
        <v>832</v>
      </c>
      <c r="C28" s="9">
        <v>19</v>
      </c>
      <c r="D28" s="14">
        <v>8</v>
      </c>
      <c r="E28" s="10">
        <v>859</v>
      </c>
      <c r="F28" s="8">
        <v>1036</v>
      </c>
      <c r="G28" s="9">
        <v>1085</v>
      </c>
      <c r="H28" s="10">
        <v>2121</v>
      </c>
      <c r="I28" s="8">
        <v>26</v>
      </c>
      <c r="J28" s="9">
        <v>11</v>
      </c>
      <c r="K28" s="10">
        <v>37</v>
      </c>
      <c r="L28" s="8">
        <v>1062</v>
      </c>
      <c r="M28" s="9">
        <v>1096</v>
      </c>
      <c r="N28" s="10">
        <v>2158</v>
      </c>
    </row>
    <row r="29" spans="1:14" ht="18" customHeight="1" x14ac:dyDescent="0.4">
      <c r="A29" s="2" t="s">
        <v>22</v>
      </c>
      <c r="B29" s="8">
        <v>2371</v>
      </c>
      <c r="C29" s="9">
        <v>43</v>
      </c>
      <c r="D29" s="14">
        <v>19</v>
      </c>
      <c r="E29" s="10">
        <v>2433</v>
      </c>
      <c r="F29" s="8">
        <v>2407</v>
      </c>
      <c r="G29" s="9">
        <v>2565</v>
      </c>
      <c r="H29" s="10">
        <v>4972</v>
      </c>
      <c r="I29" s="8">
        <v>51</v>
      </c>
      <c r="J29" s="9">
        <v>35</v>
      </c>
      <c r="K29" s="10">
        <v>86</v>
      </c>
      <c r="L29" s="8">
        <v>2458</v>
      </c>
      <c r="M29" s="9">
        <v>2600</v>
      </c>
      <c r="N29" s="10">
        <v>5058</v>
      </c>
    </row>
    <row r="30" spans="1:14" ht="18" customHeight="1" x14ac:dyDescent="0.4">
      <c r="A30" s="2" t="s">
        <v>23</v>
      </c>
      <c r="B30" s="8">
        <v>2370</v>
      </c>
      <c r="C30" s="9">
        <v>52</v>
      </c>
      <c r="D30" s="14">
        <v>8</v>
      </c>
      <c r="E30" s="10">
        <v>2430</v>
      </c>
      <c r="F30" s="8">
        <v>2777</v>
      </c>
      <c r="G30" s="9">
        <v>2935</v>
      </c>
      <c r="H30" s="10">
        <v>5712</v>
      </c>
      <c r="I30" s="8">
        <v>53</v>
      </c>
      <c r="J30" s="9">
        <v>8</v>
      </c>
      <c r="K30" s="10">
        <v>61</v>
      </c>
      <c r="L30" s="8">
        <v>2830</v>
      </c>
      <c r="M30" s="9">
        <v>2943</v>
      </c>
      <c r="N30" s="10">
        <v>5773</v>
      </c>
    </row>
    <row r="31" spans="1:14" ht="18" customHeight="1" x14ac:dyDescent="0.4">
      <c r="A31" s="2" t="s">
        <v>24</v>
      </c>
      <c r="B31" s="8">
        <v>1246</v>
      </c>
      <c r="C31" s="9">
        <v>18</v>
      </c>
      <c r="D31" s="14">
        <v>15</v>
      </c>
      <c r="E31" s="10">
        <v>1279</v>
      </c>
      <c r="F31" s="8">
        <v>1360</v>
      </c>
      <c r="G31" s="9">
        <v>1419</v>
      </c>
      <c r="H31" s="10">
        <v>2779</v>
      </c>
      <c r="I31" s="8">
        <v>22</v>
      </c>
      <c r="J31" s="9">
        <v>15</v>
      </c>
      <c r="K31" s="10">
        <v>37</v>
      </c>
      <c r="L31" s="8">
        <v>1382</v>
      </c>
      <c r="M31" s="9">
        <v>1434</v>
      </c>
      <c r="N31" s="10">
        <v>2816</v>
      </c>
    </row>
    <row r="32" spans="1:14" ht="18" customHeight="1" x14ac:dyDescent="0.4">
      <c r="A32" s="2" t="s">
        <v>25</v>
      </c>
      <c r="B32" s="8">
        <v>2554</v>
      </c>
      <c r="C32" s="9">
        <v>24</v>
      </c>
      <c r="D32" s="14">
        <v>17</v>
      </c>
      <c r="E32" s="10">
        <v>2595</v>
      </c>
      <c r="F32" s="8">
        <v>3159</v>
      </c>
      <c r="G32" s="9">
        <v>3216</v>
      </c>
      <c r="H32" s="10">
        <v>6375</v>
      </c>
      <c r="I32" s="8">
        <v>33</v>
      </c>
      <c r="J32" s="9">
        <v>25</v>
      </c>
      <c r="K32" s="10">
        <v>58</v>
      </c>
      <c r="L32" s="8">
        <v>3192</v>
      </c>
      <c r="M32" s="9">
        <v>3241</v>
      </c>
      <c r="N32" s="10">
        <v>6433</v>
      </c>
    </row>
    <row r="33" spans="1:14" ht="18" customHeight="1" x14ac:dyDescent="0.4">
      <c r="A33" s="2" t="s">
        <v>26</v>
      </c>
      <c r="B33" s="8">
        <v>3453</v>
      </c>
      <c r="C33" s="9">
        <v>47</v>
      </c>
      <c r="D33" s="14">
        <v>44</v>
      </c>
      <c r="E33" s="10">
        <v>3544</v>
      </c>
      <c r="F33" s="8">
        <v>3880</v>
      </c>
      <c r="G33" s="9">
        <v>4363</v>
      </c>
      <c r="H33" s="10">
        <v>8243</v>
      </c>
      <c r="I33" s="8">
        <v>86</v>
      </c>
      <c r="J33" s="9">
        <v>47</v>
      </c>
      <c r="K33" s="10">
        <v>133</v>
      </c>
      <c r="L33" s="8">
        <v>3966</v>
      </c>
      <c r="M33" s="9">
        <v>4410</v>
      </c>
      <c r="N33" s="10">
        <v>8376</v>
      </c>
    </row>
    <row r="34" spans="1:14" ht="18" customHeight="1" x14ac:dyDescent="0.4">
      <c r="A34" s="2" t="s">
        <v>27</v>
      </c>
      <c r="B34" s="8">
        <v>1997</v>
      </c>
      <c r="C34" s="9">
        <v>25</v>
      </c>
      <c r="D34" s="14">
        <v>16</v>
      </c>
      <c r="E34" s="10">
        <v>2038</v>
      </c>
      <c r="F34" s="8">
        <v>2143</v>
      </c>
      <c r="G34" s="9">
        <v>2202</v>
      </c>
      <c r="H34" s="10">
        <v>4345</v>
      </c>
      <c r="I34" s="8">
        <v>33</v>
      </c>
      <c r="J34" s="9">
        <v>22</v>
      </c>
      <c r="K34" s="10">
        <v>55</v>
      </c>
      <c r="L34" s="8">
        <v>2176</v>
      </c>
      <c r="M34" s="9">
        <v>2224</v>
      </c>
      <c r="N34" s="10">
        <v>4400</v>
      </c>
    </row>
    <row r="35" spans="1:14" ht="18" customHeight="1" x14ac:dyDescent="0.4">
      <c r="A35" s="2" t="s">
        <v>28</v>
      </c>
      <c r="B35" s="8">
        <v>411</v>
      </c>
      <c r="C35" s="9">
        <v>6</v>
      </c>
      <c r="D35" s="14">
        <v>2</v>
      </c>
      <c r="E35" s="10">
        <v>419</v>
      </c>
      <c r="F35" s="8">
        <v>507</v>
      </c>
      <c r="G35" s="9">
        <v>525</v>
      </c>
      <c r="H35" s="10">
        <v>1032</v>
      </c>
      <c r="I35" s="8">
        <v>8</v>
      </c>
      <c r="J35" s="9">
        <v>0</v>
      </c>
      <c r="K35" s="10">
        <v>8</v>
      </c>
      <c r="L35" s="8">
        <v>515</v>
      </c>
      <c r="M35" s="9">
        <v>525</v>
      </c>
      <c r="N35" s="10">
        <v>1040</v>
      </c>
    </row>
    <row r="36" spans="1:14" ht="18" customHeight="1" x14ac:dyDescent="0.4">
      <c r="A36" s="2" t="s">
        <v>29</v>
      </c>
      <c r="B36" s="8">
        <v>2985</v>
      </c>
      <c r="C36" s="9">
        <v>61</v>
      </c>
      <c r="D36" s="14">
        <v>46</v>
      </c>
      <c r="E36" s="10">
        <v>3092</v>
      </c>
      <c r="F36" s="8">
        <v>3281</v>
      </c>
      <c r="G36" s="9">
        <v>3547</v>
      </c>
      <c r="H36" s="10">
        <v>6828</v>
      </c>
      <c r="I36" s="8">
        <v>96</v>
      </c>
      <c r="J36" s="9">
        <v>42</v>
      </c>
      <c r="K36" s="10">
        <v>138</v>
      </c>
      <c r="L36" s="8">
        <v>3377</v>
      </c>
      <c r="M36" s="9">
        <v>3589</v>
      </c>
      <c r="N36" s="10">
        <v>6966</v>
      </c>
    </row>
    <row r="37" spans="1:14" ht="18" customHeight="1" x14ac:dyDescent="0.4">
      <c r="A37" s="2" t="s">
        <v>30</v>
      </c>
      <c r="B37" s="8">
        <v>1643</v>
      </c>
      <c r="C37" s="9">
        <v>27</v>
      </c>
      <c r="D37" s="14">
        <v>16</v>
      </c>
      <c r="E37" s="10">
        <v>1686</v>
      </c>
      <c r="F37" s="8">
        <v>1713</v>
      </c>
      <c r="G37" s="9">
        <v>2041</v>
      </c>
      <c r="H37" s="10">
        <v>3754</v>
      </c>
      <c r="I37" s="8">
        <v>41</v>
      </c>
      <c r="J37" s="9">
        <v>16</v>
      </c>
      <c r="K37" s="10">
        <v>57</v>
      </c>
      <c r="L37" s="8">
        <v>1754</v>
      </c>
      <c r="M37" s="9">
        <v>2057</v>
      </c>
      <c r="N37" s="10">
        <v>3811</v>
      </c>
    </row>
    <row r="38" spans="1:14" ht="18" customHeight="1" x14ac:dyDescent="0.4">
      <c r="A38" s="2" t="s">
        <v>31</v>
      </c>
      <c r="B38" s="8">
        <v>3855</v>
      </c>
      <c r="C38" s="9">
        <v>73</v>
      </c>
      <c r="D38" s="14">
        <v>35</v>
      </c>
      <c r="E38" s="10">
        <v>3963</v>
      </c>
      <c r="F38" s="8">
        <v>4462</v>
      </c>
      <c r="G38" s="9">
        <v>4674</v>
      </c>
      <c r="H38" s="10">
        <v>9136</v>
      </c>
      <c r="I38" s="8">
        <v>88</v>
      </c>
      <c r="J38" s="9">
        <v>32</v>
      </c>
      <c r="K38" s="10">
        <v>120</v>
      </c>
      <c r="L38" s="8">
        <v>4550</v>
      </c>
      <c r="M38" s="9">
        <v>4706</v>
      </c>
      <c r="N38" s="10">
        <v>9256</v>
      </c>
    </row>
    <row r="39" spans="1:14" ht="18" customHeight="1" x14ac:dyDescent="0.4">
      <c r="A39" s="2" t="s">
        <v>32</v>
      </c>
      <c r="B39" s="8">
        <v>1417</v>
      </c>
      <c r="C39" s="9">
        <v>8</v>
      </c>
      <c r="D39" s="14">
        <v>14</v>
      </c>
      <c r="E39" s="10">
        <v>1439</v>
      </c>
      <c r="F39" s="8">
        <v>1703</v>
      </c>
      <c r="G39" s="9">
        <v>1861</v>
      </c>
      <c r="H39" s="10">
        <v>3564</v>
      </c>
      <c r="I39" s="8">
        <v>10</v>
      </c>
      <c r="J39" s="9">
        <v>15</v>
      </c>
      <c r="K39" s="10">
        <v>25</v>
      </c>
      <c r="L39" s="8">
        <v>1713</v>
      </c>
      <c r="M39" s="9">
        <v>1876</v>
      </c>
      <c r="N39" s="10">
        <v>3589</v>
      </c>
    </row>
    <row r="40" spans="1:14" ht="18" customHeight="1" x14ac:dyDescent="0.4">
      <c r="A40" s="2" t="s">
        <v>33</v>
      </c>
      <c r="B40" s="8">
        <v>378</v>
      </c>
      <c r="C40" s="9">
        <v>2</v>
      </c>
      <c r="D40" s="14">
        <v>6</v>
      </c>
      <c r="E40" s="10">
        <v>386</v>
      </c>
      <c r="F40" s="8">
        <v>445</v>
      </c>
      <c r="G40" s="9">
        <v>460</v>
      </c>
      <c r="H40" s="10">
        <v>905</v>
      </c>
      <c r="I40" s="8">
        <v>6</v>
      </c>
      <c r="J40" s="9">
        <v>4</v>
      </c>
      <c r="K40" s="10">
        <v>10</v>
      </c>
      <c r="L40" s="8">
        <v>451</v>
      </c>
      <c r="M40" s="9">
        <v>464</v>
      </c>
      <c r="N40" s="10">
        <v>915</v>
      </c>
    </row>
    <row r="41" spans="1:14" ht="18" customHeight="1" x14ac:dyDescent="0.4">
      <c r="A41" s="2" t="s">
        <v>34</v>
      </c>
      <c r="B41" s="8">
        <v>1110</v>
      </c>
      <c r="C41" s="9">
        <v>14</v>
      </c>
      <c r="D41" s="14">
        <v>7</v>
      </c>
      <c r="E41" s="10">
        <v>1131</v>
      </c>
      <c r="F41" s="8">
        <v>1208</v>
      </c>
      <c r="G41" s="9">
        <v>1254</v>
      </c>
      <c r="H41" s="10">
        <v>2462</v>
      </c>
      <c r="I41" s="8">
        <v>18</v>
      </c>
      <c r="J41" s="9">
        <v>3</v>
      </c>
      <c r="K41" s="10">
        <v>21</v>
      </c>
      <c r="L41" s="8">
        <v>1226</v>
      </c>
      <c r="M41" s="9">
        <v>1257</v>
      </c>
      <c r="N41" s="10">
        <v>2483</v>
      </c>
    </row>
    <row r="42" spans="1:14" ht="18" customHeight="1" x14ac:dyDescent="0.4">
      <c r="A42" s="2" t="s">
        <v>35</v>
      </c>
      <c r="B42" s="8">
        <v>1002</v>
      </c>
      <c r="C42" s="9">
        <v>2</v>
      </c>
      <c r="D42" s="14">
        <v>5</v>
      </c>
      <c r="E42" s="10">
        <v>1009</v>
      </c>
      <c r="F42" s="8">
        <v>1125</v>
      </c>
      <c r="G42" s="9">
        <v>1229</v>
      </c>
      <c r="H42" s="10">
        <v>2354</v>
      </c>
      <c r="I42" s="8">
        <v>6</v>
      </c>
      <c r="J42" s="9">
        <v>1</v>
      </c>
      <c r="K42" s="10">
        <v>7</v>
      </c>
      <c r="L42" s="8">
        <v>1131</v>
      </c>
      <c r="M42" s="9">
        <v>1230</v>
      </c>
      <c r="N42" s="10">
        <v>2361</v>
      </c>
    </row>
    <row r="43" spans="1:14" ht="18" customHeight="1" x14ac:dyDescent="0.4">
      <c r="A43" s="2" t="s">
        <v>36</v>
      </c>
      <c r="B43" s="8">
        <v>1133</v>
      </c>
      <c r="C43" s="9">
        <v>38</v>
      </c>
      <c r="D43" s="14">
        <v>11</v>
      </c>
      <c r="E43" s="10">
        <v>1182</v>
      </c>
      <c r="F43" s="8">
        <v>1337</v>
      </c>
      <c r="G43" s="9">
        <v>1350</v>
      </c>
      <c r="H43" s="10">
        <v>2687</v>
      </c>
      <c r="I43" s="8">
        <v>38</v>
      </c>
      <c r="J43" s="9">
        <v>24</v>
      </c>
      <c r="K43" s="10">
        <v>62</v>
      </c>
      <c r="L43" s="8">
        <v>1375</v>
      </c>
      <c r="M43" s="9">
        <v>1374</v>
      </c>
      <c r="N43" s="10">
        <v>2749</v>
      </c>
    </row>
    <row r="44" spans="1:14" ht="18" customHeight="1" x14ac:dyDescent="0.4">
      <c r="A44" s="2" t="s">
        <v>37</v>
      </c>
      <c r="B44" s="8">
        <v>163</v>
      </c>
      <c r="C44" s="9">
        <v>2</v>
      </c>
      <c r="D44" s="14">
        <v>1</v>
      </c>
      <c r="E44" s="10">
        <v>166</v>
      </c>
      <c r="F44" s="8">
        <v>111</v>
      </c>
      <c r="G44" s="9">
        <v>194</v>
      </c>
      <c r="H44" s="10">
        <v>305</v>
      </c>
      <c r="I44" s="8">
        <v>2</v>
      </c>
      <c r="J44" s="9">
        <v>3</v>
      </c>
      <c r="K44" s="10">
        <v>5</v>
      </c>
      <c r="L44" s="8">
        <v>113</v>
      </c>
      <c r="M44" s="9">
        <v>197</v>
      </c>
      <c r="N44" s="10">
        <v>310</v>
      </c>
    </row>
    <row r="45" spans="1:14" ht="18" customHeight="1" x14ac:dyDescent="0.4">
      <c r="A45" s="2"/>
      <c r="B45" s="8"/>
      <c r="C45" s="9"/>
      <c r="D45" s="14"/>
      <c r="E45" s="10"/>
      <c r="F45" s="8"/>
      <c r="G45" s="9"/>
      <c r="H45" s="10"/>
      <c r="I45" s="8"/>
      <c r="J45" s="9"/>
      <c r="K45" s="10"/>
      <c r="L45" s="8"/>
      <c r="M45" s="9"/>
      <c r="N45" s="10"/>
    </row>
    <row r="46" spans="1:14" ht="18" customHeight="1" x14ac:dyDescent="0.4">
      <c r="A46" s="2"/>
      <c r="B46" s="8"/>
      <c r="C46" s="9"/>
      <c r="D46" s="14"/>
      <c r="E46" s="10"/>
      <c r="F46" s="8"/>
      <c r="G46" s="9"/>
      <c r="H46" s="10"/>
      <c r="I46" s="8"/>
      <c r="J46" s="9"/>
      <c r="K46" s="10"/>
      <c r="L46" s="8"/>
      <c r="M46" s="9"/>
      <c r="N46" s="10"/>
    </row>
    <row r="47" spans="1:14" ht="18" customHeight="1" x14ac:dyDescent="0.4">
      <c r="A47" s="2"/>
      <c r="B47" s="8"/>
      <c r="C47" s="9"/>
      <c r="D47" s="14"/>
      <c r="E47" s="10"/>
      <c r="F47" s="8"/>
      <c r="G47" s="9"/>
      <c r="H47" s="10"/>
      <c r="I47" s="8"/>
      <c r="J47" s="9"/>
      <c r="K47" s="10"/>
      <c r="L47" s="8"/>
      <c r="M47" s="9"/>
      <c r="N47" s="10"/>
    </row>
    <row r="48" spans="1:14" ht="18" customHeight="1" x14ac:dyDescent="0.4">
      <c r="A48" s="2"/>
      <c r="B48" s="8"/>
      <c r="C48" s="9"/>
      <c r="D48" s="14"/>
      <c r="E48" s="10"/>
      <c r="F48" s="8"/>
      <c r="G48" s="9"/>
      <c r="H48" s="10"/>
      <c r="I48" s="8"/>
      <c r="J48" s="9"/>
      <c r="K48" s="10"/>
      <c r="L48" s="8"/>
      <c r="M48" s="9"/>
      <c r="N48" s="10"/>
    </row>
    <row r="49" spans="1:14" ht="18" customHeight="1" x14ac:dyDescent="0.4">
      <c r="A49" s="2"/>
      <c r="B49" s="8"/>
      <c r="C49" s="9"/>
      <c r="D49" s="14"/>
      <c r="E49" s="10"/>
      <c r="F49" s="8"/>
      <c r="G49" s="9"/>
      <c r="H49" s="10"/>
      <c r="I49" s="8"/>
      <c r="J49" s="9"/>
      <c r="K49" s="10"/>
      <c r="L49" s="8"/>
      <c r="M49" s="9"/>
      <c r="N49" s="10"/>
    </row>
    <row r="50" spans="1:14" ht="18" customHeight="1" x14ac:dyDescent="0.4">
      <c r="A50" s="2"/>
      <c r="B50" s="8"/>
      <c r="C50" s="9"/>
      <c r="D50" s="14"/>
      <c r="E50" s="10"/>
      <c r="F50" s="8"/>
      <c r="G50" s="9"/>
      <c r="H50" s="10"/>
      <c r="I50" s="8"/>
      <c r="J50" s="9"/>
      <c r="K50" s="10"/>
      <c r="L50" s="8"/>
      <c r="M50" s="9"/>
      <c r="N50" s="10"/>
    </row>
    <row r="51" spans="1:14" ht="18" customHeight="1" x14ac:dyDescent="0.4">
      <c r="A51" s="2"/>
      <c r="B51" s="8"/>
      <c r="C51" s="9"/>
      <c r="D51" s="14"/>
      <c r="E51" s="10"/>
      <c r="F51" s="8"/>
      <c r="G51" s="9"/>
      <c r="H51" s="10"/>
      <c r="I51" s="8"/>
      <c r="J51" s="9"/>
      <c r="K51" s="10"/>
      <c r="L51" s="8"/>
      <c r="M51" s="9"/>
      <c r="N51" s="10"/>
    </row>
    <row r="52" spans="1:14" ht="18" customHeight="1" x14ac:dyDescent="0.4">
      <c r="A52" s="12" t="s">
        <v>51</v>
      </c>
      <c r="B52" s="8">
        <v>62573</v>
      </c>
      <c r="C52" s="9">
        <v>922</v>
      </c>
      <c r="D52" s="14">
        <v>541</v>
      </c>
      <c r="E52" s="10">
        <v>64036</v>
      </c>
      <c r="F52" s="8">
        <v>68200</v>
      </c>
      <c r="G52" s="9">
        <v>72793</v>
      </c>
      <c r="H52" s="10">
        <v>140993</v>
      </c>
      <c r="I52" s="8">
        <v>1191</v>
      </c>
      <c r="J52" s="9">
        <v>689</v>
      </c>
      <c r="K52" s="10">
        <v>1880</v>
      </c>
      <c r="L52" s="8">
        <v>69391</v>
      </c>
      <c r="M52" s="9">
        <v>73482</v>
      </c>
      <c r="N52" s="10">
        <v>142873</v>
      </c>
    </row>
  </sheetData>
  <mergeCells count="7">
    <mergeCell ref="A4:A6"/>
    <mergeCell ref="A1:N1"/>
    <mergeCell ref="F4:N4"/>
    <mergeCell ref="F5:H5"/>
    <mergeCell ref="I5:K5"/>
    <mergeCell ref="L5:N5"/>
    <mergeCell ref="B4:E5"/>
  </mergeCells>
  <phoneticPr fontId="18"/>
  <printOptions horizontalCentered="1"/>
  <pageMargins left="0.51181102362204722" right="0.51181102362204722" top="0.74803149606299213" bottom="0.55118110236220474" header="0.31496062992125984" footer="0.31496062992125984"/>
  <pageSetup paperSize="9" scale="93" orientation="landscape" r:id="rId1"/>
  <headerFooter>
    <oddFooter>&amp;C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行政区別世帯・人口統計表</vt:lpstr>
      <vt:lpstr>行政区別世帯・人口統計表!Print_Titles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市民課 RKKユーザ</dc:creator>
  <cp:lastModifiedBy>桑江　明美</cp:lastModifiedBy>
  <cp:lastPrinted>2019-12-03T10:12:51Z</cp:lastPrinted>
  <dcterms:created xsi:type="dcterms:W3CDTF">2019-11-13T09:53:37Z</dcterms:created>
  <dcterms:modified xsi:type="dcterms:W3CDTF">2020-07-01T07:45:24Z</dcterms:modified>
</cp:coreProperties>
</file>